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2" uniqueCount="747">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江田クリニック産婦人科</t>
    <phoneticPr fontId="3"/>
  </si>
  <si>
    <t>〒693-0011 島根県出雲市大津町260</t>
    <phoneticPr fontId="3"/>
  </si>
  <si>
    <t>〇</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2383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0</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0</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5</v>
      </c>
      <c r="K171" s="118" t="str">
        <f t="shared" ref="K171:K186" si="2">IF(OR(COUNTIF(L171:O171,"未確認")&gt;0,COUNTIF(L171:O171,"*")&gt;0),"※","")</f>
        <v/>
      </c>
      <c r="L171" s="212">
        <v>4</v>
      </c>
      <c r="M171" s="212"/>
      <c r="N171" s="212">
        <v>1</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4</v>
      </c>
      <c r="K173" s="118" t="str">
        <f t="shared" si="2"/>
        <v/>
      </c>
      <c r="L173" s="212">
        <v>3</v>
      </c>
      <c r="M173" s="212"/>
      <c r="N173" s="212">
        <v>1</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7</v>
      </c>
      <c r="K177" s="118" t="str">
        <f t="shared" si="2"/>
        <v/>
      </c>
      <c r="L177" s="212">
        <v>6</v>
      </c>
      <c r="M177" s="212"/>
      <c r="N177" s="212">
        <v>1</v>
      </c>
      <c r="O177" s="212"/>
      <c r="P177" s="22"/>
      <c r="Q177" s="22"/>
      <c r="R177" s="22"/>
    </row>
    <row r="178" spans="1:18" s="81" customFormat="1" ht="34.5" customHeight="1" x14ac:dyDescent="0.15">
      <c r="A178" s="197" t="s">
        <v>483</v>
      </c>
      <c r="B178" s="88"/>
      <c r="C178" s="278"/>
      <c r="D178" s="278"/>
      <c r="E178" s="278"/>
      <c r="F178" s="278"/>
      <c r="G178" s="276" t="s">
        <v>75</v>
      </c>
      <c r="H178" s="278"/>
      <c r="I178" s="347"/>
      <c r="J178" s="211">
        <v>1</v>
      </c>
      <c r="K178" s="118" t="str">
        <f t="shared" si="2"/>
        <v/>
      </c>
      <c r="L178" s="213">
        <v>1</v>
      </c>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746</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398</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54</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401</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396</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398</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344</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54</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396</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396</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396</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396</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57Z</dcterms:modified>
</cp:coreProperties>
</file>